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_rels/.rels" ContentType="application/vnd.openxmlformats-package.relationships+xml"/>
  <Override PartName="/docProps/core.xml" ContentType="application/vnd.openxmlformats-package.core-properties+xml"/>
  <Override PartName="/docProps/app.xml" ContentType="application/vnd.openxmlformats-officedocument.extended-properties+xml"/>
  <Override PartName="/word/_rels/document.xml.rels" ContentType="application/vnd.openxmlformats-package.relationships+xml"/>
  <Override PartName="/word/document.xml" ContentType="application/vnd.openxmlformats-officedocument.wordprocessingml.document.main+xml"/>
  <Override PartName="/word/styles.xml" ContentType="application/vnd.openxmlformats-officedocument.wordprocessingml.styles+xml"/>
  <Override PartName="/word/fontTable.xml" ContentType="application/vnd.openxmlformats-officedocument.wordprocessingml.fontTable+xml"/>
  <Override PartName="/word/settings.xml" ContentType="application/vnd.openxmlformats-officedocument.wordprocessingml.settings+xml"/>
  <Override PartName="/word/theme/theme1.xml" ContentType="application/vnd.openxmlformats-officedocument.theme+xml"/>
</Types>
</file>

<file path=_rels/.rels><?xml version="1.0" encoding="UTF-8"?>
<Relationships xmlns="http://schemas.openxmlformats.org/package/2006/relationships"><Relationship Id="rId1" Type="http://schemas.openxmlformats.org/officedocument/2006/relationships/metadata/core-properties" Target="docProps/core.xml"/><Relationship Id="rId2" Type="http://schemas.openxmlformats.org/officeDocument/2006/relationships/extended-properties" Target="docProps/app.xml"/><Relationship Id="rId3"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pic="http://schemas.openxmlformats.org/drawingml/2006/picture"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rtf1\ansi\ansicpg1252\uc1 \deff0\deflang1033\deflangfe1033{\fonttbl{\f0\froman\fcharset0\fprq2{\*\panose 02020603050405020304}Times New Roman;}{\f35\fswiss\fcharset0\fprq2{\*\panose 020b0506020202030204}Arial Narrow;}{\f53\froman\fcharset238\fprq2 Times New Roman CE;}{\f54\froman\fcharset204\fprq2 Times New Roman Cyr;}{\f56\froman\fcharset161\fprq2 Times New Roman Greek;}{\f57\froman\fcharset162\fprq2 Times New Roman Tur;}{\f58\froman\fcharset186\fprq2 Times New Roman Baltic;}{\f263\fswiss\fcharset238\fprq2 Arial Narrow CE;}{\f264\fswiss\fcharset204\fprq2 Arial Narrow Cyr;}{\f266\fswiss\fcharset161\fprq2 Arial Narrow Greek;}{\f267\fswiss\fcharset162\fprq2 Arial Narrow Tur;}{\f268\fswiss\fcharset186\fprq2 Arial Narrow Baltic;}}{\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stylesheet{\widctlpar\adjustright \fs20\cgrid \snext0 Normal;}{\s2\qj\fi720\sa120\sl240\slmult0\widctlpar\adjustright \cgrid \sbasedon0 \snext15 heading 2;}{\*\cs10 \additive Default Paragraph Font;}{\s15\qj\sa120\sl240\slmult0\widctlpar\adjustright \cgrid \sbasedon0 \snext2 Justified;}{\s16\qj\li720\sa120\widctlpar\adjustright \cgrid \sbasedon0 \snext16 Body Text 2;}}{\*\listtable{\list\listtemplateid-726746448\listsimple{\listlevel\levelnfc0\leveljc0\levelfollow0\levelstartat6\levelspace0\levelindent0{\leveltext\'02\'00.;}{\levelnumbers\'01;}\fbias0 \fi-720\li720\jclisttab\tx720 }{\listname ;}\listid969743043}{\list\listtemplateid-400503460\listsimple{\listlevel\levelnfc0\leveljc0\levelfollow0\levelstartat6\levelspace0\levelindent0{\leveltext\'02\'00.;}{\levelnumbers\'01;}\fbias0 \fi-720\li720\jclisttab\tx720 }{\listname ;}\listid1069570630}{\list\listtemplateid67698703\listsimple{\listlevel\levelnfc0\leveljc0\levelfollow0\levelstartat8\levelspace0\levelindent0{\leveltext\'02\'00.;}{\levelnumbers\'01;}\fbias0 \fi-360\li360\jclisttab\tx360 }{\listname ;}\listid1771318593}}{\*\listoverridetable{\listoverride\listid969743043\listoverridecount0\ls1}{\listoverride\listid1069570630\listoverridecount0\ls2}{\listoverride\listid1771318593\listoverridecount0\ls3}}{\info{\title SECOND AMENDMENT TO}{\author dperlin}{\operator MIC9888}{\creatim\yr2000\mo1\dy6\hr11\min48}{\revtim\yr2000\mo7\dy18\hr11\min30}{\printim\yr1999\mo4\dy13\hr15\min26}{\version3}{\edmins10}{\nofpages1}{\nofwords1386}{\nofchars7901}{\*\company ect}{\nofcharsws9702}{\vern113}}\widowctrl\ftnbj\aenddoc\formshade\viewkind4\viewscale100\pgbrdrhead\pgbrdrfoot \fet0\sectd \linex0\endnhere\sectdefaultcl {\*\pnseclvl1\pnucrm\pnstart1\pnindent720\pnhang{\pntxta .}}{\*\pnseclvl2\pnucltr\pnstart1\pnindent720\pnhang{\pntxta .}}{\*\pnseclvl3\pndec\pnstart1\pnindent720\pnhang{\pntxta .}}{\*\pnseclvl4\pnlcltr\pnstart1\pnindent720\pnhang{\pntxta )}}{\*\pnseclvl5\pndec\pnstart1\pnindent720\pnhang{\pntxtb (}{\pntxta )}}{\*\pnseclvl6\pnlcltr\pnstart1\pnindent720\pnhang{\pntxtb (}{\pntxta )}}{\*\pnseclvl7\pnlcrm\pnstart1\pnindent720\pnhang{\pntxtb (}{\pntxta )}}{\*\pnseclvl8\pnlcltr\pnstart1\pnindent720\pnhang{\pntxtb (}{\pntxta )}}{\*\pnseclvl9\pnlcrm\pnstart1\pnindent720\pnhang{\pntxtb (}{\pntxta )}}\pard\plain \widctlpar\adjustright \fs20\cgrid {\b\fs24\highlight7 REDRAFT OF 6/7/99}{\b\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c\widctlpar\adjustright {\b\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AMENDMENT TO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c\sa240\widctlpar\adjustright {\b\fs24 MASTER FIRM PURCHASE AND SALE AGREEM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adjustright {\fs24 \tab This Amendment to Master Firm Purchase and Sale Agreement is made and entered into effective as of the 1st day of March, 1999, by and between Enron Capital &amp; Trade Resources Corp.}{\b\fs24 ,}{\fs24  a Delaware corporation ("Company") and IDACORP Energy Solutions L.P., a Delaware }{\strike\fs24\cf6 corporation}{\fs24  }{\fs24\highlight7 limited partnership}{\fs24  ("Customer") successor in interest to Idaho Power Compan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c\sb120\sa120\widctlpar\adjustright {\b\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ITNESSETH: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sa120\widctlpar\adjustright {\fs24 \tab WHEREAS, Customer and Company entered into that certain Master Firm Purchase and Sale Agreement dated effective May 1, 1997 ("Agreement"), covering transactions for the purchase or sale of Ga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ab WHEREAS, the Parties now desire to amend the Agreement }{\strike\fs24\cf6 to alter the Triggering Event, Material Adverse Change language, }{\fs24 and Exhibit "A" }{\fs24\highlight7 as set forth below.}{\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ab NOW, THEREFORE, in consideration of the premises and the agreements herein contained, the Parties agree as follow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5\qj\sa120\sl240\slmult0\widctlpar\adjustright \cgrid {1.\tab All references in any writing related to the Agreement shall be to the Agreement as amended hereb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s15\qj\sa120\widctlpar\adjustright {2.\tab All capitalized terms used herein unless otherwise defined shall have the meanings given to them in the Agreem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sa120\widctlpar\adjustright \fs20\cgrid {\fs24\highlight7 3.\tab Section 2.4 }{\fs24\ul\highlight7 Confirmations.}{\fs24\highlight7  is amended by the addition thereto of the words \ldblquote absent manifest error\rdblquote  before the period after the words \ldblquote its terms.\rdblquote  in the last sentence of the section.}{\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5\qj\sa120\widctlpar\adjustright \cgrid {\highlight7 4.\tab Section 3.5 }{\ul\highlight7 Netting.}{\highlight7  is amended by deleting therefrom the word \ldblquote may\rdblquote  each time it appears in the third line and in the fifth line and substituting the word \ldblquote shall\rdblquote  in its place in each cas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nowidctlpar\tx720\tx1440\tx2160\tx2880\tx3600\tx4320\tx5040\tx5760\tx6480\tx7200\tx7920\tx8640\tx9360\adjustright \fs20\cgrid {\strike\fs24\cf6 3.}{\fs24  }{\fs24\highlight7 5.}{\fs24  The following provision replaces and restates in its entirety }{\b\fs24\ul Section 4.2}{\f35\fs24\ul  }{\b\fs24\ul Triggering Event}{\fs24  shall mean, with respect to a Party (the "}{\fs24\ul Affected Party}{\fs24 "):  (i) the failure by the Affected Party to make, when due, any payment required under this Agreement if such failure is not remedied within five Business Days after written notice of such failure is given to the Affected Party; provided, the payment is not the subject of a good faith dispute as described in the Billing and Payment provisions or (ii) any representation or warranty made by the Affected Party in this Agreement shall prove to have been false or misleading in any material respect when made or deemed to be repeated or (iii) the failure by the Affected Party to perform any covenant set forth in this Agreement (other than its obligations to make any payment or obligations which are otherwise specifically covered in this }{\fs24\ul Section 4.2}{\fs24  as a separate Triggering Event), and such failure is not excused by }{\fs24\ul Force Majeure}{\fs24  or cured within five Business Days after written notice thereof to the Affected Party or (iv) the Affected Party shall (a) make an assignment or any general arrange\-ment for the benefit of creditors, (b) file a petition or otherwise commence, authorize or acquiesce in the commencement of a proceed\-ing or cause under any bankruptcy or similar law for the protection of creditors, or have such petition filed against it }{\strike\fs24\cf6 and such proceeding remains undismissed for 30 Days,}{\fs24  (c) otherwise become bankrupt or insolvent (however evidenced) or (d) be unable to pay its debts as they fall due or (v) Seller's unexcused failure to Schedule the Buyer's Requested Quantity requested by Buyer for a cumulative period of 30 or more Gas Days in a 12 Month period in any one Transaction or (vi) Buyer's unexcused failure to Schedule the DCQ or MinDQ for a cumulative period of 30 or more Gas Days in a 12 Month period in any one Transaction, or, if applicable, the MinMQ for a cumulative period of three Months in a 12 Month period in any one Transaction, or (vii) the occurrence of a Material Adverse Change of the Affected Party; provided, such Material Adverse Change shall not be considered if the Affected Party establishes, and maintains throughout the term hereof, a Letter of Credit (naming the Notifying Party as the beneficiary) in an amount equal to the }{\fs24\ul sum}{\fs24  of (in each case rounding upwards for }{\fs24\ul any}{\fs24  fractional amount to the next $250,000) (a) the Notifying Party's Termination Payment }{\fs24\ul plus}{\fs24  (b) if the Notifying Party is Seller, the aggregate of the amounts Seller is entitled to receive under each Transaction for Gas Scheduled during the 60 Day period preceding the Material Adverse Change (the amount of said Letter of Credit to be adjusted quarterly to reflect amounts owing at that point in time) or (viii) the Affected Party fails to establish, maintain, extend or increase a Letter of Credit when required pursuant to this Agreement, or after reasonable notice fails to replace the issuing bank with another bank acceptable to the beneficiary or (ix) with respect to Company, at any time, Company's Guarantor shall have defaulted on its indebtedness to third parties resulting in an acceleration of obligations of Company's Guarantor in }{\strike\fs24\cf6 E}{\fs24\highlight7 e}{\fs24 xcess of $50,000,000, or the Company's Guarantor fails to perform any covenant set forth in the guaranty agreement it delivered in respect of this Agreement, any representation or warranty made by such Guarantor in said guaranty agreement shall prove to have been false or misleading in any material respect when made or when deemed to be repeated or such Guarantor shall take or suffer any actions set forth in item (iv) above as applied to it, or (x) with respect to Customer, at any time, Customer's ultimate parent IDACORP, Inc. shall have defaulted on its indebted\-ness to third parties, resulting in an acceleration of obligations of  Customer in excess of $25,000,000. }{\fs24\highlight7 As used herein \ldblquote Company\rquote s Guarantor\rdblquote  shall mean Enron Corp.,}{\f35\fs18\highlight7  }{\fs24\highlight7 or (xi) a \ldblquote Cross Default\rdblquote . A Cross Default means a default, event of default, or other similar condition or event in respect of such party under one or more contracts or agreements between the Parties hereto relating to the purchase, sale, exchange, transportation, commodity price swap, commodity option or similar transactions with respect to Gas, electric power or other energy commodities.}{\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sa120\widctlpar\adjustright {\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ul\highlight7\cgrid \hich\af0\dbch\af0\loch\f0 6.\tab}}\pard \qj\fi-720\li720\widctlpar\jclisttab\tx720{\*\pn \pnlvlbody\ilvl0\ls2\pnrnot0\pndec\pnstart6\pnindent720\pnhang{\pntxta .}}\ls2\adjustright {\fs24\ul\highlight7 Article 5. Force Majeure}{\fs24\highlight7  is hereby amended by the addition thereto after the last sentence  the following: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adjustright {\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60\li720\widctlpar\adjustright {\fs24\highlight7 \ldblquote In the event of a partial Force Majeure, the affected Party shall allocate available supplies or markets, as the case may be, on a pro-rata basis among its firm commitments without regard to price paid or received.\rdblquote }{\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6\qj\li720\sa120\widctlpar\adjustright \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sa120\widctlpar\adjustright \fs20\cgrid {\strike\fs24\cf6 4 }{\fs24\highlight7 7}{\fs24 .\tab The definition of "Material Adverse Change" set forth in the }{\fs24\ul Appendix "1" Enfolio General Provisions }{\fs24 of the Agreement is hereby }{\strike\fs24\cf6 amended}{\fs24  }{\fs24\highlight7 deleted}{\fs24  in its entirety }{\strike\fs24\cf6 as set for  below: }{\fs24\highlight7 and replaced with the following:}{\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5\qj\sa120\widctlpar\adjustright \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s15\qj\li720\sa120\widctlpar\adjustright {"Material Adverse Change" means with respect to Customer, IDACORP, Inc. shall have, long-term debt  unsupported by third party credit enhancement rated by S&amp;P below "BBB-" or with respect to Company, Enron Corp. shall have long-term debt unsupported by third party credit enhancement that is rated by S&amp;P below "BBB-".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text\pard\plain\highlight7\cgrid \hich\af0\dbch\af0\loch\f0 8.\tab}}\pard\plain \qj\widctlpar\jclisttab\tx720{\*\pn \pnlvlbody\ilvl0\ls3\pnrnot0\pndec\pnstart8\pnindent360\pnhang{\pntxta .}}\ls3\adjustright \fs20\cgrid {\fs24\highlight7 The definition of }{\fs24\ul\highlight7 \ldblquote Force Majeure\rdblquote }{\fs24\highlight7  set forth in }{\fs24\ul\highlight7 Appendix \ldblquote 1\rdblquote  Enfolio General Provisions}{\fs24\highlight7  of the Agreement is hereby amended by the addition thereto, after the last sentence, of  the following: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adjustright {\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5\qj\li720\widctlpar\adjustright \cgrid {\highlight7 \ldblquote Force Majeure shall not excuse performance: (a) by either Party in connection with an EFP/ADP transaction undertaken with the agreement of the non-performing party unless firm transportation is not available to and from the Delivery Point; or (b) by either Party where the delivery/receipt of the gas occurs at a pooling point and gas continues to be available for purchase and sale at such pooling point.\rdblquote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2\qj\sa120\sl240\slmult0\widctlpar\outlinelevel1\adjustright \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5\qj\sa120\sl240\slmult0\widctlpar\adjustright \cgrid {\strike\cf6 5.}{\highlight7 9.}{\tab The Parties hereby acknowledge and agree that, except as specifically amended hereby, the Agreement shall remain in full force and effect in accordance with its term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strike\cf6 6}{\highlight7 .10.}{\tab This Amendment may be executed in counterparts, each of which taken together shall constitute one and the same instrum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ab IN WITNESS WHEREOF, Enron Capital &amp; Trade Resources Corp. and IDACORP Energy Solutions L.P. their respective authorized representatives, have executed this  Amendment effective as of the date first written abov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2\qj\fi720\sa120\sl240\slmult0\widctlpar\outlinelevel1\adjustright \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5\qj\sa120\sl240\slmult0\widctlpar\adjustright \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ab \tab \tab ENRON CAPITAL &amp; TRADE RESOURCES CORP.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2\qj\fi720\sa120\sl240\slmult0\widctlpar\outlinelevel1\adjustright \cgrid {\tab \tab Signature:}{\ul \tab \tab \tab \tab \tab \tab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ab \tab By:}{\ul \tab \tab \tab \tab \tab \tab \tab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5\qj\sa120\sl240\slmult0\widctlpar\adjustright \cgrid {\tab \tab \tab Title:}{\ul \tab \tab \tab \tab \tab \tab \tab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2\qj\fi720\sa120\sl240\slmult0\widctlpar\outlinelevel1\adjustright \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5\qj\sa120\sl240\slmult0\widctlpar\adjustright \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2\qj\fi720\sa120\sl240\slmult0\widctlpar\outlinelevel1\adjustright \cgrid {\tab             IDACORP ENERGY SOLUTIONS  L.P.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5\qj\sa120\sl240\slmult0\widctlpar\adjustright \cgrid {\tab \tab \tab By Its General Partner IDACORP, IN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ab \tab \tab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s15\qj\fi720\sa120\sl240\slmult0\widctlpar\adjustright {\tab \tab Signature:}{\ul \tab \tab \tab \tab \tab \tab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2\qj\fi720\sa120\sl240\slmult0\widctlpar\outlinelevel1\adjustright \cgrid {\tab \tab By:\tab }{\highlight7 Keith Stephenson}{\ul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ab \tab Title:\tab }{\highlight7 General Manag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5\qj\sa120\sl240\slmult0\widctlpar\adjustright \cgrid {\tab \tab \tab \tab }{\highlight7 Southwest Gas Servic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widctlpar\adjustright \fs20\cgrid {\fs2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c\widctlpar\adjustright {\b\f35\fs18 EXHIBIT "A"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35\fs18 ENFOLIO MASTER FIRM PURCHASE/SALE AGREEM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widctlpar\adjustright {\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c\widctlpar\tqc\tx10800\adjustright {\f35\fs18 NOTICE / COMMUNICATION / PAYM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adjustright {\b\f35\fs18 TO COMPAN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Notices/Correspondenc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tqc\tx5760\adjustright {\f35\fs18 P.O. Box 442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Houston, Texas   77210-442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Attn:  Documentation and Deal Clearing Desk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acsimile No.  (713) 646-4816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ermination Notice Facsimile No.  (713) 646-4818}{\b\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adjustright {\b\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nvoic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tqc\tx5760\adjustright {\f35\fs18 P.O. Box 442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Houston, Texas   77210-442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Attn:  Client Servic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acsimile No.  (713) 646-8420}{\b\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adjustright {\b\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yments:}{\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Enron Capital &amp; Trade Resources Corp.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ABA Routing 111000012 NationsBank TX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Account  3750494099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f35\fs18 Nominations:  }{\f35\fs18 1(800)356-9427/1(800)FLOWGAS}{\b\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Confirmations:  }{\f35\fs18 ECT Gas Trading 1(713)646-2531}{\b\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O CUSTOM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Notices/Correspondence:}{\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DACORP Energy Solutions L.P.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Attn.:  Contracts Administrato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1221 West Idaho (83702)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O. Box 7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oise, ID  83707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hone:  208/388-2333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ax:  208/388-6905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ederal Tax ID Number:  82-0507901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f35\fs18 Invoices:}{\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DACORP Energy Solutions L.P.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Attn.:  Shawna Spech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1221 West Idaho (83702)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O. Box 7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oise, ID  83707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hone:  208/388-2595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ax:  208/388-548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f35\fs18 Payments:}{\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U S Bank of Idaho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laza Office, Boise, I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ABA No.:  123103729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or Credit to:  IDACORP Energy Solutions L.P.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General Fund Accou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Account No.:  15339019263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outlinelevel0\adjustright {\b\f35\fs18 Confirma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35\fs18 Telephone No:  (208) 388-2607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acsimile No.:    (208) 388-548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sl144\slmult1\widctlpar\adjustright {\f35\fs18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outlinelevel0\adjustright {\b\f35\fs18 Houston Nomina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35\fs18 Telephone No.:  (713) 435-821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adjustright {\f35\fs18 Facsimile No.:    (713) 435-8203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outlinelevel0\adjustright {\b\f35\fs18 Boise Nomina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35\fs18 Telephone No.:  (208) 388-2286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widctlpar\adjustright {\f35\fs18 Facsimile No.:    (208) 388-548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par }}</w:t>
      </w:r>
    </w:p>
    <w:sectPr>
      <w:type w:val="nextPage"/>
      <w:pgSz w:w="12240" w:h="15840"/>
      <w:pgMar w:left="1440" w:right="1440" w:gutter="0" w:header="0" w:top="1440" w:footer="0" w:bottom="1440"/>
      <w:pgNumType w:fmt="decimal"/>
      <w:formProt w:val="false"/>
      <w:textDirection w:val="lrTb"/>
      <w:docGrid w:type="default" w:linePitch="600" w:charSpace="32768"/>
    </w:sectPr>
  </w:body>
</w:document>
</file>

<file path=word/fontTable.xml><?xml version="1.0" encoding="utf-8"?>
<w:fonts xmlns:w="http://schemas.openxmlformats.org/wordprocessingml/2006/main" xmlns:r="http://schemas.openxmlformats.org/officeDocument/2006/relationships">
  <w:font w:name="Times New Roman">
    <w:charset w:val="00" w:characterSet="windows-1252"/>
    <w:family w:val="roman"/>
    <w:pitch w:val="variable"/>
  </w:font>
  <w:font w:name="Symbol">
    <w:charset w:val="02"/>
    <w:family w:val="roman"/>
    <w:pitch w:val="variable"/>
  </w:font>
  <w:font w:name="Arial">
    <w:charset w:val="00" w:characterSet="windows-1252"/>
    <w:family w:val="swiss"/>
    <w:pitch w:val="variable"/>
  </w:font>
  <w:font w:name="Liberation Serif">
    <w:altName w:val="Times New Roman"/>
    <w:charset w:val="01" w:characterSet="utf-8"/>
    <w:family w:val="roman"/>
    <w:pitch w:val="variable"/>
  </w:font>
  <w:font w:name="Liberation Sans">
    <w:altName w:val="Arial"/>
    <w:charset w:val="01" w:characterSet="utf-8"/>
    <w:family w:val="swiss"/>
    <w:pitch w:val="variable"/>
  </w:font>
  <w:font w:name="Geneva">
    <w:charset w:val="01" w:characterSet="utf-8"/>
    <w:family w:val="auto"/>
    <w:pitch w:val="default"/>
  </w:font>
</w:fonts>
</file>

<file path=word/settings.xml><?xml version="1.0" encoding="utf-8"?>
<w:settings xmlns:w="http://schemas.openxmlformats.org/wordprocessingml/2006/main">
  <w:zoom w:percent="100"/>
  <w:defaultTabStop w:val="720"/>
  <w:autoHyphenation w:val="true"/>
  <w:hyphenationZone w:val="0"/>
  <w:compat>
    <w:compatSetting w:name="compatibilityMode" w:uri="http://schemas.microsoft.com/office/word" w:val="15"/>
    <w:compatSetting w:name="useWord2013TrackBottomHyphenation" w:uri="http://schemas.microsoft.com/office/word" w:val="1"/>
    <w:compatSetting w:name="allowHyphenationAtTrackBottom" w:uri="http://schemas.microsoft.com/office/word" w:val="1"/>
  </w:compat>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Liberation Serif" w:hAnsi="Liberation Serif" w:eastAsia="Liberation Sans" w:cs="NotoSans NF"/>
        <w:kern w:val="2"/>
        <w:sz w:val="24"/>
        <w:szCs w:val="24"/>
        <w:lang w:val="en-CA" w:eastAsia="zh-CN" w:bidi="hi-IN"/>
      </w:rPr>
    </w:rPrDefault>
    <w:pPrDefault>
      <w:pPr>
        <w:suppressAutoHyphens w:val="true"/>
      </w:pPr>
    </w:pPrDefault>
  </w:docDefaults>
  <w:style w:type="paragraph" w:styleId="Normal">
    <w:name w:val="Normal"/>
    <w:qFormat/>
    <w:pPr>
      <w:widowControl w:val="false"/>
      <w:kinsoku w:val="true"/>
      <w:overflowPunct w:val="true"/>
      <w:autoSpaceDE w:val="true"/>
      <w:bidi w:val="0"/>
    </w:pPr>
    <w:rPr>
      <w:rFonts w:ascii="Liberation Serif" w:hAnsi="Liberation Serif" w:eastAsia="Liberation Sans" w:cs="NotoSans NF"/>
      <w:color w:val="auto"/>
      <w:kern w:val="2"/>
      <w:sz w:val="24"/>
      <w:szCs w:val="24"/>
      <w:lang w:val="en-CA" w:eastAsia="zh-CN" w:bidi="hi-IN"/>
    </w:rPr>
  </w:style>
  <w:style w:type="character" w:styleId="FootnoteSymbol">
    <w:name w:val="Footnote_Symbol"/>
    <w:qFormat/>
    <w:rPr>
      <w:vertAlign w:val="superscript"/>
    </w:rPr>
  </w:style>
  <w:style w:type="character" w:styleId="EndnoteSymbol">
    <w:name w:val="Endnote_Symbol"/>
    <w:qFormat/>
    <w:rPr>
      <w:vertAlign w:val="superscript"/>
    </w:rPr>
  </w:style>
  <w:style w:type="character" w:styleId="FootnoteReference">
    <w:name w:val="footnote reference"/>
    <w:rPr>
      <w:vertAlign w:val="superscript"/>
    </w:rPr>
  </w:style>
  <w:style w:type="character" w:styleId="EndnoteReference">
    <w:name w:val="endnote reference"/>
    <w:rPr>
      <w:vertAlign w:val="superscript"/>
    </w:rPr>
  </w:style>
  <w:style w:type="character" w:styleId="FootnoteAnchor">
    <w:name w:val="Footnote Anchor"/>
    <w:qFormat/>
    <w:rPr>
      <w:vertAlign w:val="superscript"/>
    </w:rPr>
  </w:style>
  <w:style w:type="character" w:styleId="EndnoteAnchor">
    <w:name w:val="Endnote Anchor"/>
    <w:qFormat/>
    <w:rPr>
      <w:vertAlign w:val="superscript"/>
    </w:rPr>
  </w:style>
  <w:style w:type="paragraph" w:styleId="Heading">
    <w:name w:val="Heading"/>
    <w:basedOn w:val="Normal"/>
    <w:next w:val="BodyText"/>
    <w:qFormat/>
    <w:pPr>
      <w:keepNext w:val="true"/>
      <w:spacing w:before="240" w:after="120"/>
    </w:pPr>
    <w:rPr>
      <w:rFonts w:ascii="Liberation Sans" w:hAnsi="Liberation Sans" w:eastAsia="Liberation Sans" w:cs="NotoSans NF"/>
      <w:sz w:val="28"/>
      <w:szCs w:val="28"/>
    </w:rPr>
  </w:style>
  <w:style w:type="paragraph" w:styleId="BodyText">
    <w:name w:val="Body Text"/>
    <w:basedOn w:val="Normal"/>
    <w:pPr>
      <w:spacing w:lineRule="auto" w:line="276" w:before="0" w:after="140"/>
    </w:pPr>
    <w:rPr/>
  </w:style>
  <w:style w:type="paragraph" w:styleId="List">
    <w:name w:val="List"/>
    <w:basedOn w:val="TextBody"/>
    <w:pPr/>
    <w:rPr/>
  </w:style>
  <w:style w:type="paragraph" w:styleId="Caption">
    <w:name w:val="caption"/>
    <w:basedOn w:val="Normal"/>
    <w:qFormat/>
    <w:pPr/>
    <w:rPr/>
  </w:style>
  <w:style w:type="paragraph" w:styleId="Index">
    <w:name w:val="Index"/>
    <w:basedOn w:val="Normal"/>
    <w:qFormat/>
    <w:pPr/>
    <w:rPr/>
  </w:style>
  <w:style w:type="paragraph" w:styleId="TextBody">
    <w:name w:val="Text Body"/>
    <w:basedOn w:val="Normal"/>
    <w:qFormat/>
    <w:pPr/>
    <w:rPr/>
  </w:style>
  <w:style w:type="paragraph" w:styleId="TableContents">
    <w:name w:val="Table Contents"/>
    <w:basedOn w:val="TextBody"/>
    <w:qFormat/>
    <w:pPr/>
    <w:rPr/>
  </w:style>
  <w:style w:type="paragraph" w:styleId="TableHeading">
    <w:name w:val="Table Heading"/>
    <w:basedOn w:val="TableContents"/>
    <w:qFormat/>
    <w:pPr/>
    <w:rPr/>
  </w:style>
  <w:style w:type="paragraph" w:styleId="HeaderandFooter">
    <w:name w:val="Header and Footer"/>
    <w:basedOn w:val="Normal"/>
    <w:qFormat/>
    <w:pPr>
      <w:suppressLineNumbers/>
      <w:tabs>
        <w:tab w:val="clear" w:pos="720"/>
        <w:tab w:val="center" w:pos="4986" w:leader="none"/>
        <w:tab w:val="right" w:pos="9972" w:leader="none"/>
      </w:tabs>
    </w:pPr>
    <w:rPr/>
  </w:style>
  <w:style w:type="paragraph" w:styleId="Header">
    <w:name w:val="header"/>
    <w:basedOn w:val="Normal"/>
    <w:pPr/>
    <w:rPr/>
  </w:style>
  <w:style w:type="paragraph" w:styleId="Footer">
    <w:name w:val="footer"/>
    <w:basedOn w:val="Normal"/>
    <w:pPr/>
    <w:rPr/>
  </w:style>
  <w:style w:type="paragraph" w:styleId="FootnoteText">
    <w:name w:val="footnote text"/>
    <w:basedOn w:val="Normal"/>
    <w:pPr/>
    <w:rPr/>
  </w:style>
  <w:style w:type="paragraph" w:styleId="EndnoteText">
    <w:name w:val="endnote text"/>
    <w:basedOn w:val="Normal"/>
    <w:pPr/>
    <w:r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fontTable" Target="fontTable.xml"/><Relationship Id="rId3" Type="http://schemas.openxmlformats.org/officeDocument/2006/relationships/settings" Target="settings.xml"/><Relationship Id="rId4" Type="http://schemas.openxmlformats.org/officeDocument/2006/relationships/theme" Target="theme/theme1.xml"/>
</Relationships>
</file>

<file path=word/theme/theme1.xml><?xml version="1.0" encoding="utf-8"?>
<a:theme xmlns:a="http://schemas.openxmlformats.org/drawingml/2006/main" xmlns:r="http://schemas.openxmlformats.org/officeDocument/2006/relationships" name="Office">
  <a:themeElements>
    <a:clrScheme name="LibreOffice">
      <a:dk1>
        <a:srgbClr val="000000"/>
      </a:dk1>
      <a:lt1>
        <a:srgbClr val="ffffff"/>
      </a:lt1>
      <a:dk2>
        <a:srgbClr val="000000"/>
      </a:dk2>
      <a:lt2>
        <a:srgbClr val="ffffff"/>
      </a:lt2>
      <a:accent1>
        <a:srgbClr val="18a303"/>
      </a:accent1>
      <a:accent2>
        <a:srgbClr val="0369a3"/>
      </a:accent2>
      <a:accent3>
        <a:srgbClr val="a33e03"/>
      </a:accent3>
      <a:accent4>
        <a:srgbClr val="8e03a3"/>
      </a:accent4>
      <a:accent5>
        <a:srgbClr val="c99c00"/>
      </a:accent5>
      <a:accent6>
        <a:srgbClr val="c9211e"/>
      </a:accent6>
      <a:hlink>
        <a:srgbClr val="0000ee"/>
      </a:hlink>
      <a:folHlink>
        <a:srgbClr val="551a8b"/>
      </a:folHlink>
    </a:clrScheme>
    <a:fontScheme name="Office">
      <a:majorFont>
        <a:latin typeface="Arial" pitchFamily="0" charset="1"/>
        <a:ea typeface="DejaVu Sans" pitchFamily="0" charset="1"/>
        <a:cs typeface="DejaVu Sans" pitchFamily="0" charset="1"/>
      </a:majorFont>
      <a:minorFont>
        <a:latin typeface="Arial" pitchFamily="0" charset="1"/>
        <a:ea typeface="DejaVu Sans" pitchFamily="0" charset="1"/>
        <a:cs typeface="DejaVu Sans" pitchFamily="0" charset="1"/>
      </a:minorFont>
    </a:fontScheme>
    <a:fmtScheme>
      <a:fillStyleLst>
        <a:solidFill>
          <a:schemeClr val="phClr"/>
        </a:solidFill>
        <a:solidFill>
          <a:schemeClr val="phClr"/>
        </a:solidFill>
        <a:solidFill>
          <a:schemeClr val="phClr"/>
        </a:solidFill>
      </a:fillStyleLst>
      <a:lnStyleLst>
        <a:ln w="6350" cap="flat" cmpd="sng" algn="ctr">
          <a:prstDash val="solid"/>
          <a:miter/>
        </a:ln>
        <a:ln w="6350" cap="flat" cmpd="sng" algn="ctr">
          <a:prstDash val="solid"/>
          <a:miter/>
        </a:ln>
        <a:ln w="6350" cap="flat" cmpd="sng" algn="ctr">
          <a:prstDash val="solid"/>
          <a:miter/>
        </a:ln>
      </a:lnStyleLst>
      <a:effectStyleLst>
        <a:effectStyle>
          <a:effectLst/>
        </a:effectStyle>
        <a:effectStyle>
          <a:effectLst/>
        </a:effectStyle>
        <a:effectStyle>
          <a:effectLst/>
        </a:effectStyle>
      </a:effectStyleLst>
      <a:bgFillStyleLst>
        <a:solidFill>
          <a:schemeClr val="phClr"/>
        </a:solidFill>
        <a:solidFill>
          <a:schemeClr val="phClr"/>
        </a:solidFill>
        <a:solidFill>
          <a:schemeClr val="phClr"/>
        </a:solidFill>
      </a:bgFillStyleLst>
    </a:fmtScheme>
  </a:themeElements>
</a:theme>
</file>

<file path=docProps/app.xml><?xml version="1.0" encoding="utf-8"?>
<Properties xmlns="http://schemas.openxmlformats.org/officeDocument/2006/extended-properties" xmlns:vt="http://schemas.openxmlformats.org/officeDocument/2006/docPropsVTypes">
  <Template/>
  <TotalTime>0</TotalTime>
  <Application>LibreOffice/25.2.7.0.0$Linux_X86_64 LibreOffice_project/2cc84caafd2707671cae2773f8085721f003b89f</Application>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dc:description/>
  <dc:language>en-CA</dc:language>
  <cp:lastModifiedBy/>
  <cp:revision>0</cp:revision>
  <dc:subject/>
  <dc:title/>
</cp:coreProperties>
</file>